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19" autoAdjust="0"/>
    <p:restoredTop sz="94660"/>
  </p:normalViewPr>
  <p:slideViewPr>
    <p:cSldViewPr snapToGrid="0">
      <p:cViewPr varScale="1">
        <p:scale>
          <a:sx n="121" d="100"/>
          <a:sy n="121" d="100"/>
        </p:scale>
        <p:origin x="108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ADAB23-92A2-5CCA-FBF4-8F4642CDA78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2CBD8EC-2E4F-1377-C435-57EDA92546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D27837-6165-FC9E-D1ED-47870F8F2A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430C9C-F822-66FC-7B54-3AB9F8C09F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27AE6D5-54D5-1556-E6EA-3DD149EC74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9326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AEDC04-0A8A-41EB-5E5D-9FB29137646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295131A-F036-6CDE-6954-4BE25CE94F7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87F7645-367F-C711-0086-797CD1CB67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A431FD0-1E6A-0382-535C-E00EDB071B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3659AD-0441-6B8B-F8D1-9E3DBA681C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69878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37F0248-F432-AC8F-8919-68315420055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410D401-08E0-BC58-0220-4291A7E7273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8AAC92-9C4C-BC68-4840-6A675FA148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4C17D7-755F-8A86-A00D-68F69ED289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339EBCB-1A06-AC19-6941-54A7EEF106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786791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1EC50C-D4EB-9EBD-1960-158D6A227E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F0AD0F-5910-A1A5-CE4D-F7B97A00469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59B3B52-3A29-8352-1B31-28A3C41E09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0AB731-429E-311B-B626-40E6924B52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0D59095-2B6A-A928-2922-D374DE58D9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43348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70A4A1-03AC-8F6E-47E2-25A15E1DF3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7E590D4-0198-D4EC-885B-C52F9F55FF8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4A8AE8-0F72-F048-B4B9-CF4AB09F10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E813512-8C89-2B10-FC80-1B93F6119E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32FF5D-9590-4ECF-210C-8FFFDE0D96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88570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25FFE5-6A3E-548E-CE74-32A3671957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AEBE531-6F72-AF33-F739-E14BBF219DD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5607A1C-E026-51B7-DA34-5E2FAB44A53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6E4B0A2-7118-EB76-7628-55696E645A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ABD824A-1E78-DD11-1F61-EB5C2A3E82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726401F-A8E2-E99F-0716-5C50E094B1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68312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6CC588D-3AD5-CE4C-345C-BFC990284B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2984C64-4457-D34B-958D-6B44DFC5317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3CB8970-65D7-B074-D506-FF3A19DB4E0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7DDCE1C-1E29-BBC1-98C1-D23AE9E9869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6BFDB0D-7062-8222-EB96-2FC6479C5E1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0646CC6-D318-CBBB-F15D-524AD0511E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CA630CA-A90B-E277-11E1-EE580A710F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2458AF-2B2F-26BE-0F81-14E886A5EF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207577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1BCDA3-107E-9BD7-4EE8-752CB11572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A8F8C37-F85E-2086-3940-892AE18960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D7159F3-983D-2343-331A-5066089202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5F57D2-88BB-E95F-EC84-9BE8BDA9A8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389360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B601996-EE6A-3EAD-9521-793B06E066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A6610B2-6270-EC4B-41EC-33340234DB0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D7104E1-74CD-9F92-CBAB-75BEEA56A6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29136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4EEBA9-F81C-A90E-604D-E5C800C2DF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3AC5960-A512-5546-A7C6-313685714B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DB2DEEE-F3BE-3128-C002-E1524AB10FC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201EA07-BEA8-B6A3-C7C7-8553E1EC38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67698F8-D5E2-5203-7C1A-0BA479736A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B511692-4A0B-7D9D-6A66-D6538D5D23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523870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892388-1955-1068-11B8-50E05AE042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6439989-2CFE-0D1C-43F1-EC4D6E9A9A2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67FB3D2-EAF3-C615-0834-731DE7C7F0B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9CB55B-9B1C-EBDC-178A-B9B5E45271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20AE3F8-DF6B-B2CB-6490-A3CE82AD5A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131924C-A3D0-43DD-3DB3-3F1C839150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20623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5B26AB8-202C-C4A5-4143-AE67B064F5C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E3552A3-6874-3A5D-E333-C3B7B233A90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11C571-7D9A-D621-41E9-C1D9BB6A528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88D135D-C566-4496-8E57-8119B0085BEC}" type="datetimeFigureOut">
              <a:rPr lang="en-US" smtClean="0"/>
              <a:t>8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73794E8-50AA-AB0A-E2C3-6EAA4BFB63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A17318-808B-B2A4-A101-6D12A6075C7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C5197B4-8A34-4670-9D48-2CFCF7B8E0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76318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3.pn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OTLSHAPE_SL2A_6b68c487b9bc4417863036a4874c6e51_BackgroundRectangle">
            <a:extLst>
              <a:ext uri="{FF2B5EF4-FFF2-40B4-BE49-F238E27FC236}">
                <a16:creationId xmlns:a16="http://schemas.microsoft.com/office/drawing/2014/main" id="{ED51C6BE-96A4-5A9F-C6C2-B3EFE489981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22824" y="1270000"/>
            <a:ext cx="10236200" cy="59952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2A_b3871594dbf048bf9c411c49af38c6da_BackgroundRectangle">
            <a:extLst>
              <a:ext uri="{FF2B5EF4-FFF2-40B4-BE49-F238E27FC236}">
                <a16:creationId xmlns:a16="http://schemas.microsoft.com/office/drawing/2014/main" id="{D9406D47-3B4E-D5D7-B0B8-45E62FE0F3E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22824" y="1869525"/>
            <a:ext cx="10236200" cy="59952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2A_0dfe5d5c46d9488385ddfcd7958d73f1_BackgroundRectangle">
            <a:extLst>
              <a:ext uri="{FF2B5EF4-FFF2-40B4-BE49-F238E27FC236}">
                <a16:creationId xmlns:a16="http://schemas.microsoft.com/office/drawing/2014/main" id="{97EBC6D0-FDBE-6BE5-8780-1C079C22457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22824" y="2469049"/>
            <a:ext cx="10236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2A_d94929dbc98e458eb3093f95f4ca5c6a_BackgroundRectangle">
            <a:extLst>
              <a:ext uri="{FF2B5EF4-FFF2-40B4-BE49-F238E27FC236}">
                <a16:creationId xmlns:a16="http://schemas.microsoft.com/office/drawing/2014/main" id="{25B80E22-BA22-F343-1804-DABF949BC6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22824" y="2811949"/>
            <a:ext cx="10236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2A_a824bcf437414aae94f504030d58e23d_BackgroundRectangle">
            <a:extLst>
              <a:ext uri="{FF2B5EF4-FFF2-40B4-BE49-F238E27FC236}">
                <a16:creationId xmlns:a16="http://schemas.microsoft.com/office/drawing/2014/main" id="{83928B5E-20F8-6710-0470-A6BF05D7E0D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22824" y="3091349"/>
            <a:ext cx="10236200" cy="8688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2A_0185d9aeb2f34c8c8ea9cd185a821cae_BackgroundRectangle">
            <a:extLst>
              <a:ext uri="{FF2B5EF4-FFF2-40B4-BE49-F238E27FC236}">
                <a16:creationId xmlns:a16="http://schemas.microsoft.com/office/drawing/2014/main" id="{8D3C1C7B-5F64-8475-79A2-52FFA7C066E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22824" y="3960199"/>
            <a:ext cx="102362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2A_b64d59d8818640c28787d288fbdff236_BackgroundRectangle">
            <a:extLst>
              <a:ext uri="{FF2B5EF4-FFF2-40B4-BE49-F238E27FC236}">
                <a16:creationId xmlns:a16="http://schemas.microsoft.com/office/drawing/2014/main" id="{32155D77-46F9-54F7-9E32-C86AA3FF23D4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22824" y="4290399"/>
            <a:ext cx="10236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5" name="OTLSHAPE_SL2A_a108eabf993c42d8b6be4ad95c403fc6_BackgroundRectangle">
            <a:extLst>
              <a:ext uri="{FF2B5EF4-FFF2-40B4-BE49-F238E27FC236}">
                <a16:creationId xmlns:a16="http://schemas.microsoft.com/office/drawing/2014/main" id="{B5873BDD-8900-CBAF-9E5A-DF75BABE3F2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22824" y="4633299"/>
            <a:ext cx="10236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SL2A_d2396ff36fc94d5fa688f91a880e822f_BackgroundRectangle">
            <a:extLst>
              <a:ext uri="{FF2B5EF4-FFF2-40B4-BE49-F238E27FC236}">
                <a16:creationId xmlns:a16="http://schemas.microsoft.com/office/drawing/2014/main" id="{08265367-2C89-5B9C-8B43-30353D3214D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22824" y="4912699"/>
            <a:ext cx="10236200" cy="868849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7" name="OTLSHAPE_SL2A_da31182fcbd94004a5cb5d591f902d16_BackgroundRectangle">
            <a:extLst>
              <a:ext uri="{FF2B5EF4-FFF2-40B4-BE49-F238E27FC236}">
                <a16:creationId xmlns:a16="http://schemas.microsoft.com/office/drawing/2014/main" id="{34316797-DB1F-E053-B594-DB846B7C89D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22824" y="5781548"/>
            <a:ext cx="10236200" cy="3302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2A_7576d3ff49b148729deff6b43901a14b_BackgroundRectangle">
            <a:extLst>
              <a:ext uri="{FF2B5EF4-FFF2-40B4-BE49-F238E27FC236}">
                <a16:creationId xmlns:a16="http://schemas.microsoft.com/office/drawing/2014/main" id="{462FCA0F-D825-6D19-FEA9-61EB3F5F625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22824" y="6111748"/>
            <a:ext cx="10236200" cy="2794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87" name="OTLSHAPE_SL2AL_00000000000000000000000000000000_ShapeBelow0">
            <a:extLst>
              <a:ext uri="{FF2B5EF4-FFF2-40B4-BE49-F238E27FC236}">
                <a16:creationId xmlns:a16="http://schemas.microsoft.com/office/drawing/2014/main" id="{17A96C29-5A43-BA97-4E0B-7957A26C77A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22824" y="1869525"/>
            <a:ext cx="10235810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8" name="OTLSHAPE_SL2AL_00000000000000000000000000000000_ShapeBelow1">
            <a:extLst>
              <a:ext uri="{FF2B5EF4-FFF2-40B4-BE49-F238E27FC236}">
                <a16:creationId xmlns:a16="http://schemas.microsoft.com/office/drawing/2014/main" id="{FCCB2B50-CDA1-139A-CC09-545921AF9602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022824" y="2469049"/>
            <a:ext cx="10235810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9" name="OTLSHAPE_SL2AL_00000000000000000000000000000000_ShapeBelow2">
            <a:extLst>
              <a:ext uri="{FF2B5EF4-FFF2-40B4-BE49-F238E27FC236}">
                <a16:creationId xmlns:a16="http://schemas.microsoft.com/office/drawing/2014/main" id="{8C311B6D-3BD1-2666-496D-345D31FEB2E6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022824" y="3091349"/>
            <a:ext cx="10235810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0" name="OTLSHAPE_SL2AL_00000000000000000000000000000000_ShapeBelow3">
            <a:extLst>
              <a:ext uri="{FF2B5EF4-FFF2-40B4-BE49-F238E27FC236}">
                <a16:creationId xmlns:a16="http://schemas.microsoft.com/office/drawing/2014/main" id="{F2D0DCAD-13D7-4BB2-FECC-61236C56AA44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22824" y="3960199"/>
            <a:ext cx="10235810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SL2AL_00000000000000000000000000000000_ShapeBelow4">
            <a:extLst>
              <a:ext uri="{FF2B5EF4-FFF2-40B4-BE49-F238E27FC236}">
                <a16:creationId xmlns:a16="http://schemas.microsoft.com/office/drawing/2014/main" id="{B0BE3B24-041E-CD6C-E1F5-997D475F6E0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22824" y="4290399"/>
            <a:ext cx="10235810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SL2AL_00000000000000000000000000000000_ShapeBelow5">
            <a:extLst>
              <a:ext uri="{FF2B5EF4-FFF2-40B4-BE49-F238E27FC236}">
                <a16:creationId xmlns:a16="http://schemas.microsoft.com/office/drawing/2014/main" id="{D87A04A0-E8E4-C879-9962-5BD42B9DE02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22824" y="4912699"/>
            <a:ext cx="10235810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SL2AL_00000000000000000000000000000000_ShapeBelow6">
            <a:extLst>
              <a:ext uri="{FF2B5EF4-FFF2-40B4-BE49-F238E27FC236}">
                <a16:creationId xmlns:a16="http://schemas.microsoft.com/office/drawing/2014/main" id="{87621090-2A57-44A7-596B-9AD1726EB739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22824" y="5781548"/>
            <a:ext cx="10235810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SL2AL_00000000000000000000000000000000_ShapeBelow7">
            <a:extLst>
              <a:ext uri="{FF2B5EF4-FFF2-40B4-BE49-F238E27FC236}">
                <a16:creationId xmlns:a16="http://schemas.microsoft.com/office/drawing/2014/main" id="{E3CF8CB8-D904-CEC5-9EF5-AA0C8C8B5A18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22824" y="6111748"/>
            <a:ext cx="10235810" cy="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1" name="OTLSHAPE_SLA_e0028cfa76204269be3ae0597e199f6e_Connector1">
            <a:extLst>
              <a:ext uri="{FF2B5EF4-FFF2-40B4-BE49-F238E27FC236}">
                <a16:creationId xmlns:a16="http://schemas.microsoft.com/office/drawing/2014/main" id="{EB9177A5-6050-C336-D1AF-C4B3ECFB64B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676523" y="3398774"/>
            <a:ext cx="0" cy="39632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2" name="OTLSHAPE_SLA_0ed8e46f625346658517ae50bf57ade4_Connector1">
            <a:extLst>
              <a:ext uri="{FF2B5EF4-FFF2-40B4-BE49-F238E27FC236}">
                <a16:creationId xmlns:a16="http://schemas.microsoft.com/office/drawing/2014/main" id="{15B09129-A44B-A19E-50E0-0C5CCFF2820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592925" y="3398774"/>
            <a:ext cx="0" cy="39632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3" name="OTLSHAPE_SLA_658dd83a6f554b12b1a79f145b5f8894_Connector1">
            <a:extLst>
              <a:ext uri="{FF2B5EF4-FFF2-40B4-BE49-F238E27FC236}">
                <a16:creationId xmlns:a16="http://schemas.microsoft.com/office/drawing/2014/main" id="{371CC6E6-7658-A0DB-5201-9473BEA5294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814794" y="5220123"/>
            <a:ext cx="0" cy="3963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SLA_b7078ac5017a4cc7a96924607f370e72_Connector1">
            <a:extLst>
              <a:ext uri="{FF2B5EF4-FFF2-40B4-BE49-F238E27FC236}">
                <a16:creationId xmlns:a16="http://schemas.microsoft.com/office/drawing/2014/main" id="{A5DAF81F-50EB-0B54-F712-C88A2E01FFF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731194" y="5220123"/>
            <a:ext cx="0" cy="3963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9" name="OTLSHAPE_TB_00000000000000000000000000000000_ScaleContainer">
            <a:extLst>
              <a:ext uri="{FF2B5EF4-FFF2-40B4-BE49-F238E27FC236}">
                <a16:creationId xmlns:a16="http://schemas.microsoft.com/office/drawing/2014/main" id="{5ED922CE-5E7B-05B3-61B3-991399D4113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941889" y="685800"/>
            <a:ext cx="9321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_e8eb0de78fe44988a7e33666abf38896_HeaderRectangle">
            <a:extLst>
              <a:ext uri="{FF2B5EF4-FFF2-40B4-BE49-F238E27FC236}">
                <a16:creationId xmlns:a16="http://schemas.microsoft.com/office/drawing/2014/main" id="{C8D31338-1862-56EF-CC4B-CCB7AF8DA8B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1270000"/>
            <a:ext cx="965200" cy="147844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b4142c01a5484a618723c8880257cb21_HeaderRectangle">
            <a:extLst>
              <a:ext uri="{FF2B5EF4-FFF2-40B4-BE49-F238E27FC236}">
                <a16:creationId xmlns:a16="http://schemas.microsoft.com/office/drawing/2014/main" id="{0290CB20-3D90-E47F-2C3E-5DA45D17BC8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2811949"/>
            <a:ext cx="965200" cy="175784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16240c9d9fa74c3fa28b51a82a2a5d08_HeaderRectangle">
            <a:extLst>
              <a:ext uri="{FF2B5EF4-FFF2-40B4-BE49-F238E27FC236}">
                <a16:creationId xmlns:a16="http://schemas.microsoft.com/office/drawing/2014/main" id="{15B26A81-876C-27C6-F228-21501328A6C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4633299"/>
            <a:ext cx="965200" cy="175784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2A_6b68c487b9bc4417863036a4874c6e51_HeaderRectangle">
            <a:extLst>
              <a:ext uri="{FF2B5EF4-FFF2-40B4-BE49-F238E27FC236}">
                <a16:creationId xmlns:a16="http://schemas.microsoft.com/office/drawing/2014/main" id="{4AE2A0B7-D7A2-0FC8-869C-177791DB0CA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022824" y="1270000"/>
            <a:ext cx="800100" cy="599525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2A_b3871594dbf048bf9c411c49af38c6da_HeaderRectangle">
            <a:extLst>
              <a:ext uri="{FF2B5EF4-FFF2-40B4-BE49-F238E27FC236}">
                <a16:creationId xmlns:a16="http://schemas.microsoft.com/office/drawing/2014/main" id="{2383B128-55EE-CFBA-711B-1F966B6C029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22824" y="1869525"/>
            <a:ext cx="800100" cy="599525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2A_0dfe5d5c46d9488385ddfcd7958d73f1_HeaderRectangle">
            <a:extLst>
              <a:ext uri="{FF2B5EF4-FFF2-40B4-BE49-F238E27FC236}">
                <a16:creationId xmlns:a16="http://schemas.microsoft.com/office/drawing/2014/main" id="{4441CD22-91BA-D6A2-91AC-6FA55F6CF87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022824" y="2469049"/>
            <a:ext cx="800100" cy="27940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SL2A_d94929dbc98e458eb3093f95f4ca5c6a_HeaderRectangle">
            <a:extLst>
              <a:ext uri="{FF2B5EF4-FFF2-40B4-BE49-F238E27FC236}">
                <a16:creationId xmlns:a16="http://schemas.microsoft.com/office/drawing/2014/main" id="{1EC5496C-533C-C2C0-C290-D140726690F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22824" y="2811949"/>
            <a:ext cx="8001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2A_a824bcf437414aae94f504030d58e23d_HeaderRectangle">
            <a:extLst>
              <a:ext uri="{FF2B5EF4-FFF2-40B4-BE49-F238E27FC236}">
                <a16:creationId xmlns:a16="http://schemas.microsoft.com/office/drawing/2014/main" id="{C1876D85-85FA-EEC7-F95F-A8EABEF96BE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22824" y="3091349"/>
            <a:ext cx="800100" cy="868849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1" name="OTLSHAPE_SL2A_0185d9aeb2f34c8c8ea9cd185a821cae_HeaderRectangle">
            <a:extLst>
              <a:ext uri="{FF2B5EF4-FFF2-40B4-BE49-F238E27FC236}">
                <a16:creationId xmlns:a16="http://schemas.microsoft.com/office/drawing/2014/main" id="{E584D93B-71F2-72A1-CEFB-514831E76EFA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22824" y="3960199"/>
            <a:ext cx="800100" cy="3302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SL2A_b64d59d8818640c28787d288fbdff236_HeaderRectangle">
            <a:extLst>
              <a:ext uri="{FF2B5EF4-FFF2-40B4-BE49-F238E27FC236}">
                <a16:creationId xmlns:a16="http://schemas.microsoft.com/office/drawing/2014/main" id="{E52ADBD3-F5E5-F901-C2FE-A7DC439C7D30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22824" y="4290399"/>
            <a:ext cx="800100" cy="27940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2A_a108eabf993c42d8b6be4ad95c403fc6_HeaderRectangle">
            <a:extLst>
              <a:ext uri="{FF2B5EF4-FFF2-40B4-BE49-F238E27FC236}">
                <a16:creationId xmlns:a16="http://schemas.microsoft.com/office/drawing/2014/main" id="{A8CBE100-6CCC-4D0E-4440-6629F92F5B4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22824" y="4633299"/>
            <a:ext cx="8001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4" name="OTLSHAPE_SL2A_d2396ff36fc94d5fa688f91a880e822f_HeaderRectangle">
            <a:extLst>
              <a:ext uri="{FF2B5EF4-FFF2-40B4-BE49-F238E27FC236}">
                <a16:creationId xmlns:a16="http://schemas.microsoft.com/office/drawing/2014/main" id="{8695DA3A-41BB-E58F-79FA-B68E0FD1C6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22824" y="4912699"/>
            <a:ext cx="800100" cy="868849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2A_da31182fcbd94004a5cb5d591f902d16_HeaderRectangle">
            <a:extLst>
              <a:ext uri="{FF2B5EF4-FFF2-40B4-BE49-F238E27FC236}">
                <a16:creationId xmlns:a16="http://schemas.microsoft.com/office/drawing/2014/main" id="{7DAC2486-806E-0E4C-9598-B489DEBD6BC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22824" y="5781548"/>
            <a:ext cx="800100" cy="3302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2A_7576d3ff49b148729deff6b43901a14b_HeaderRectangle">
            <a:extLst>
              <a:ext uri="{FF2B5EF4-FFF2-40B4-BE49-F238E27FC236}">
                <a16:creationId xmlns:a16="http://schemas.microsoft.com/office/drawing/2014/main" id="{0164017A-03F2-ED08-93A0-D7EE408320B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22824" y="6111748"/>
            <a:ext cx="800100" cy="27940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1" name="OTLSHAPE_G_00000000000000000000000000000000_ShapeBelow0">
            <a:extLst>
              <a:ext uri="{FF2B5EF4-FFF2-40B4-BE49-F238E27FC236}">
                <a16:creationId xmlns:a16="http://schemas.microsoft.com/office/drawing/2014/main" id="{BF8A504E-A0CD-3AD1-DB7D-8A97114CCCC7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676628" y="1066800"/>
            <a:ext cx="0" cy="532434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3" name="OTLSHAPE_SLT_c8d1b9534efc4e45b58ac68317afa5af_Shape">
            <a:extLst>
              <a:ext uri="{FF2B5EF4-FFF2-40B4-BE49-F238E27FC236}">
                <a16:creationId xmlns:a16="http://schemas.microsoft.com/office/drawing/2014/main" id="{DDE37A96-A908-3F79-0651-28D3378C7C21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996561" y="1640925"/>
            <a:ext cx="4432300" cy="127000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" name="OTLSHAPE_SLT_20f7b84ea379411caaa0f9a03ae4ee8c_Shape">
            <a:extLst>
              <a:ext uri="{FF2B5EF4-FFF2-40B4-BE49-F238E27FC236}">
                <a16:creationId xmlns:a16="http://schemas.microsoft.com/office/drawing/2014/main" id="{903125A4-67F4-1EF7-AFD2-4C7667221BC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5149294" y="2240449"/>
            <a:ext cx="4432300" cy="127000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9" name="OTLSHAPE_SLT_9967d106900249128104c7ab0c999af0_Shape">
            <a:extLst>
              <a:ext uri="{FF2B5EF4-FFF2-40B4-BE49-F238E27FC236}">
                <a16:creationId xmlns:a16="http://schemas.microsoft.com/office/drawing/2014/main" id="{76818CBD-25A2-3BCA-1AC2-BBF9A9B1B70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996561" y="2521162"/>
            <a:ext cx="5041900" cy="127000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" name="OTLSHAPE_SLT_c1e308cf0db54ae7823980b6b7b6fafc_Shape">
            <a:extLst>
              <a:ext uri="{FF2B5EF4-FFF2-40B4-BE49-F238E27FC236}">
                <a16:creationId xmlns:a16="http://schemas.microsoft.com/office/drawing/2014/main" id="{01936D51-81CA-86E6-481F-CADB0EE615C3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065695" y="2864062"/>
            <a:ext cx="2298700" cy="127000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3" name="OTLSHAPE_SLT_952adb4ed37c4dcd82ac456c117773af_Shape">
            <a:extLst>
              <a:ext uri="{FF2B5EF4-FFF2-40B4-BE49-F238E27FC236}">
                <a16:creationId xmlns:a16="http://schemas.microsoft.com/office/drawing/2014/main" id="{1A1B2AC3-6023-A8C6-FE6C-92C4D4E6C5E3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65695" y="3731599"/>
            <a:ext cx="2298700" cy="127000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" name="OTLSHAPE_SLT_fab343fd6f104ae098acfa4ea3bfeeb7_Shape">
            <a:extLst>
              <a:ext uri="{FF2B5EF4-FFF2-40B4-BE49-F238E27FC236}">
                <a16:creationId xmlns:a16="http://schemas.microsoft.com/office/drawing/2014/main" id="{F8887798-AEED-1200-F045-A300ADEA417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356698" y="4342511"/>
            <a:ext cx="622300" cy="127000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5" name="OTLSHAPE_SLT_db921ef6928d4a1c8c00c32938899366_Shape">
            <a:extLst>
              <a:ext uri="{FF2B5EF4-FFF2-40B4-BE49-F238E27FC236}">
                <a16:creationId xmlns:a16="http://schemas.microsoft.com/office/drawing/2014/main" id="{96A89F86-F354-3976-8502-96C1020347C9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203965" y="4685411"/>
            <a:ext cx="2298700" cy="127000"/>
          </a:xfrm>
          <a:prstGeom prst="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T_b2903b31523540a788cc22c9a1424934_Shape">
            <a:extLst>
              <a:ext uri="{FF2B5EF4-FFF2-40B4-BE49-F238E27FC236}">
                <a16:creationId xmlns:a16="http://schemas.microsoft.com/office/drawing/2014/main" id="{6FCCF58F-903B-ABE6-305E-851D19D9106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203965" y="5552948"/>
            <a:ext cx="2298700" cy="127000"/>
          </a:xfrm>
          <a:prstGeom prst="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" name="OTLSHAPE_SLT_1a56b15a58fe4004a354f8a2ffd19f88_Shape">
            <a:extLst>
              <a:ext uri="{FF2B5EF4-FFF2-40B4-BE49-F238E27FC236}">
                <a16:creationId xmlns:a16="http://schemas.microsoft.com/office/drawing/2014/main" id="{AA444A64-1D49-E640-4F55-7AFCA084D8C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0494969" y="6163860"/>
            <a:ext cx="622300" cy="127000"/>
          </a:xfrm>
          <a:prstGeom prst="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lt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0" name="OTLSHAPE_SLM_3e1900d2c635476785e9fcd7d7f1b8ee_Shape">
            <a:extLst>
              <a:ext uri="{FF2B5EF4-FFF2-40B4-BE49-F238E27FC236}">
                <a16:creationId xmlns:a16="http://schemas.microsoft.com/office/drawing/2014/main" id="{09903650-0118-06C5-84A4-FD5099BB218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242293" y="3998299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8" name="OTLSHAPE_SLM_ad07b9d97eb1471387acf275505343dd_Shape">
            <a:extLst>
              <a:ext uri="{FF2B5EF4-FFF2-40B4-BE49-F238E27FC236}">
                <a16:creationId xmlns:a16="http://schemas.microsoft.com/office/drawing/2014/main" id="{028B4B1F-B807-2A1C-D6F8-683EA43D63C0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0380563" y="5819648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e8eb0de78fe44988a7e33666abf38896_Header">
            <a:extLst>
              <a:ext uri="{FF2B5EF4-FFF2-40B4-BE49-F238E27FC236}">
                <a16:creationId xmlns:a16="http://schemas.microsoft.com/office/drawing/2014/main" id="{01F4748B-46DF-5359-46D3-B59B9EDC74E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1823170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Scrum </a:t>
            </a:r>
          </a:p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ster</a:t>
            </a:r>
          </a:p>
        </p:txBody>
      </p:sp>
      <p:sp>
        <p:nvSpPr>
          <p:cNvPr id="17" name="OTLSHAPE_SL_b4142c01a5484a618723c8880257cb21_Header">
            <a:extLst>
              <a:ext uri="{FF2B5EF4-FFF2-40B4-BE49-F238E27FC236}">
                <a16:creationId xmlns:a16="http://schemas.microsoft.com/office/drawing/2014/main" id="{B7391932-DA2A-F594-DDA3-E35308CD7BD8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3500" y="3504819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print 1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Team</a:t>
            </a:r>
          </a:p>
        </p:txBody>
      </p:sp>
      <p:sp>
        <p:nvSpPr>
          <p:cNvPr id="20" name="OTLSHAPE_SL_16240c9d9fa74c3fa28b51a82a2a5d08_Header">
            <a:extLst>
              <a:ext uri="{FF2B5EF4-FFF2-40B4-BE49-F238E27FC236}">
                <a16:creationId xmlns:a16="http://schemas.microsoft.com/office/drawing/2014/main" id="{AFBEDC95-08A6-880B-F6BB-DD0A306C7CA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5326168"/>
            <a:ext cx="96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Sprint 2 </a:t>
            </a:r>
          </a:p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Team</a:t>
            </a:r>
          </a:p>
        </p:txBody>
      </p:sp>
      <p:sp>
        <p:nvSpPr>
          <p:cNvPr id="23" name="OTLSHAPE_SL2A_6b68c487b9bc4417863036a4874c6e51_Header">
            <a:extLst>
              <a:ext uri="{FF2B5EF4-FFF2-40B4-BE49-F238E27FC236}">
                <a16:creationId xmlns:a16="http://schemas.microsoft.com/office/drawing/2014/main" id="{9833A849-27C8-7312-2E40-32B6F684673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86324" y="1484503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1</a:t>
            </a:r>
          </a:p>
        </p:txBody>
      </p:sp>
      <p:sp>
        <p:nvSpPr>
          <p:cNvPr id="74" name="OTLSHAPE_SL2A_b3871594dbf048bf9c411c49af38c6da_Header">
            <a:extLst>
              <a:ext uri="{FF2B5EF4-FFF2-40B4-BE49-F238E27FC236}">
                <a16:creationId xmlns:a16="http://schemas.microsoft.com/office/drawing/2014/main" id="{48B3BA59-C3A6-6454-2D7D-C9EE3A3421B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086324" y="208402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2</a:t>
            </a:r>
          </a:p>
        </p:txBody>
      </p:sp>
      <p:sp>
        <p:nvSpPr>
          <p:cNvPr id="109" name="OTLSHAPE_SL2A_0dfe5d5c46d9488385ddfcd7958d73f1_Header">
            <a:extLst>
              <a:ext uri="{FF2B5EF4-FFF2-40B4-BE49-F238E27FC236}">
                <a16:creationId xmlns:a16="http://schemas.microsoft.com/office/drawing/2014/main" id="{9AC9C04B-CB5C-705D-9B7D-49686BE5916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086324" y="252349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3</a:t>
            </a:r>
          </a:p>
        </p:txBody>
      </p:sp>
      <p:sp>
        <p:nvSpPr>
          <p:cNvPr id="120" name="OTLSHAPE_SL2A_d94929dbc98e458eb3093f95f4ca5c6a_Header">
            <a:extLst>
              <a:ext uri="{FF2B5EF4-FFF2-40B4-BE49-F238E27FC236}">
                <a16:creationId xmlns:a16="http://schemas.microsoft.com/office/drawing/2014/main" id="{1D52AFD0-B4A8-34B8-3D99-57AFA672366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86324" y="286639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4</a:t>
            </a:r>
          </a:p>
        </p:txBody>
      </p:sp>
      <p:sp>
        <p:nvSpPr>
          <p:cNvPr id="131" name="OTLSHAPE_SL2A_a824bcf437414aae94f504030d58e23d_Header">
            <a:extLst>
              <a:ext uri="{FF2B5EF4-FFF2-40B4-BE49-F238E27FC236}">
                <a16:creationId xmlns:a16="http://schemas.microsoft.com/office/drawing/2014/main" id="{51D15257-A1B5-F3CA-97B0-6ED0E259D01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86324" y="3440515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5</a:t>
            </a:r>
          </a:p>
        </p:txBody>
      </p:sp>
      <p:sp>
        <p:nvSpPr>
          <p:cNvPr id="182" name="OTLSHAPE_SL2A_0185d9aeb2f34c8c8ea9cd185a821cae_Header">
            <a:extLst>
              <a:ext uri="{FF2B5EF4-FFF2-40B4-BE49-F238E27FC236}">
                <a16:creationId xmlns:a16="http://schemas.microsoft.com/office/drawing/2014/main" id="{BDB19543-E6C0-8345-0D2D-690738EA873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86324" y="404003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6</a:t>
            </a:r>
          </a:p>
        </p:txBody>
      </p:sp>
      <p:sp>
        <p:nvSpPr>
          <p:cNvPr id="193" name="OTLSHAPE_SL2A_b64d59d8818640c28787d288fbdff236_Header">
            <a:extLst>
              <a:ext uri="{FF2B5EF4-FFF2-40B4-BE49-F238E27FC236}">
                <a16:creationId xmlns:a16="http://schemas.microsoft.com/office/drawing/2014/main" id="{B8AD2984-E58F-AF78-DAEE-F15F4F1B58B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86324" y="434483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7</a:t>
            </a:r>
          </a:p>
        </p:txBody>
      </p:sp>
      <p:sp>
        <p:nvSpPr>
          <p:cNvPr id="204" name="OTLSHAPE_SL2A_a108eabf993c42d8b6be4ad95c403fc6_Header">
            <a:extLst>
              <a:ext uri="{FF2B5EF4-FFF2-40B4-BE49-F238E27FC236}">
                <a16:creationId xmlns:a16="http://schemas.microsoft.com/office/drawing/2014/main" id="{20188BC6-38EF-32F3-4941-5BC45519B88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86324" y="468773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8</a:t>
            </a:r>
          </a:p>
        </p:txBody>
      </p:sp>
      <p:sp>
        <p:nvSpPr>
          <p:cNvPr id="215" name="OTLSHAPE_SL2A_d2396ff36fc94d5fa688f91a880e822f_Header">
            <a:extLst>
              <a:ext uri="{FF2B5EF4-FFF2-40B4-BE49-F238E27FC236}">
                <a16:creationId xmlns:a16="http://schemas.microsoft.com/office/drawing/2014/main" id="{9A13287C-03ED-7B4D-3B2C-324850F43C4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86324" y="5261864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Planning 9</a:t>
            </a:r>
          </a:p>
        </p:txBody>
      </p:sp>
      <p:sp>
        <p:nvSpPr>
          <p:cNvPr id="266" name="OTLSHAPE_SL2A_da31182fcbd94004a5cb5d591f902d16_Header">
            <a:extLst>
              <a:ext uri="{FF2B5EF4-FFF2-40B4-BE49-F238E27FC236}">
                <a16:creationId xmlns:a16="http://schemas.microsoft.com/office/drawing/2014/main" id="{674BAA27-779F-CEA9-5149-B99ECA1AB78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086324" y="586138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10</a:t>
            </a:r>
          </a:p>
        </p:txBody>
      </p:sp>
      <p:sp>
        <p:nvSpPr>
          <p:cNvPr id="277" name="OTLSHAPE_SL2A_7576d3ff49b148729deff6b43901a14b_Header">
            <a:extLst>
              <a:ext uri="{FF2B5EF4-FFF2-40B4-BE49-F238E27FC236}">
                <a16:creationId xmlns:a16="http://schemas.microsoft.com/office/drawing/2014/main" id="{F8BCEAA6-4700-6228-A6D9-8E9935456B3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86324" y="616618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Planning 11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CB5182A-E04B-B8C6-E4A6-E5E6F5304D3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005389" y="798788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85433E8-D638-E211-C7EB-50EFD0B09C7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740130" y="798788"/>
            <a:ext cx="18594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2" name="OTLSHAPE_SLT_c8d1b9534efc4e45b58ac68317afa5af_Title">
            <a:extLst>
              <a:ext uri="{FF2B5EF4-FFF2-40B4-BE49-F238E27FC236}">
                <a16:creationId xmlns:a16="http://schemas.microsoft.com/office/drawing/2014/main" id="{93ABFA73-66E3-C0FF-C488-05FFE0E85F8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826935" y="1626912"/>
            <a:ext cx="212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Backlog planning/prioritization (weekly)</a:t>
            </a:r>
          </a:p>
        </p:txBody>
      </p:sp>
      <p:sp>
        <p:nvSpPr>
          <p:cNvPr id="83" name="OTLSHAPE_SLT_20f7b84ea379411caaa0f9a03ae4ee8c_Title">
            <a:extLst>
              <a:ext uri="{FF2B5EF4-FFF2-40B4-BE49-F238E27FC236}">
                <a16:creationId xmlns:a16="http://schemas.microsoft.com/office/drawing/2014/main" id="{075D70C7-898F-08AE-5360-6949E31921C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238367" y="2226437"/>
            <a:ext cx="186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print planning (every other week )</a:t>
            </a:r>
            <a:endParaRPr lang="en-US" sz="10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9967d106900249128104c7ab0c999af0_Title">
            <a:extLst>
              <a:ext uri="{FF2B5EF4-FFF2-40B4-BE49-F238E27FC236}">
                <a16:creationId xmlns:a16="http://schemas.microsoft.com/office/drawing/2014/main" id="{C808B895-C0E4-FDD1-17CA-17505DA36039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334681" y="2507149"/>
            <a:ext cx="161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crum meetings (as necessary)</a:t>
            </a:r>
          </a:p>
        </p:txBody>
      </p:sp>
      <p:sp>
        <p:nvSpPr>
          <p:cNvPr id="129" name="OTLSHAPE_SLT_c1e308cf0db54ae7823980b6b7b6fafc_Title">
            <a:extLst>
              <a:ext uri="{FF2B5EF4-FFF2-40B4-BE49-F238E27FC236}">
                <a16:creationId xmlns:a16="http://schemas.microsoft.com/office/drawing/2014/main" id="{4D9A14E1-D825-E10E-9255-BD06F8182A9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606294" y="2850049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140" name="OTLSHAPE_SLT_952adb4ed37c4dcd82ac456c117773af_Title">
            <a:extLst>
              <a:ext uri="{FF2B5EF4-FFF2-40B4-BE49-F238E27FC236}">
                <a16:creationId xmlns:a16="http://schemas.microsoft.com/office/drawing/2014/main" id="{A422F375-D279-2D59-3F0E-83CA932DBA0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125770" y="3717586"/>
            <a:ext cx="189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print 1 stand-ups (every other day)</a:t>
            </a:r>
            <a:endParaRPr lang="en-US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fab343fd6f104ae098acfa4ea3bfeeb7_Title">
            <a:extLst>
              <a:ext uri="{FF2B5EF4-FFF2-40B4-BE49-F238E27FC236}">
                <a16:creationId xmlns:a16="http://schemas.microsoft.com/office/drawing/2014/main" id="{216687F2-ABA1-9737-EDEE-10CD10EC0BA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500846" y="4328499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0">
                <a:solidFill>
                  <a:schemeClr val="dk1"/>
                </a:solidFill>
                <a:latin typeface="Calibri" panose="020F0502020204030204" pitchFamily="34" charset="0"/>
              </a:rPr>
              <a:t>Sprint 1 Testing</a:t>
            </a:r>
          </a:p>
        </p:txBody>
      </p:sp>
      <p:sp>
        <p:nvSpPr>
          <p:cNvPr id="213" name="OTLSHAPE_SLT_db921ef6928d4a1c8c00c32938899366_Title">
            <a:extLst>
              <a:ext uri="{FF2B5EF4-FFF2-40B4-BE49-F238E27FC236}">
                <a16:creationId xmlns:a16="http://schemas.microsoft.com/office/drawing/2014/main" id="{7319D9E9-8838-3B53-9C9A-AF17464B5EF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744564" y="4671399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224" name="OTLSHAPE_SLT_b2903b31523540a788cc22c9a1424934_Title">
            <a:extLst>
              <a:ext uri="{FF2B5EF4-FFF2-40B4-BE49-F238E27FC236}">
                <a16:creationId xmlns:a16="http://schemas.microsoft.com/office/drawing/2014/main" id="{6603E29C-452F-C441-6604-01C4A9BAE8B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253245" y="5538936"/>
            <a:ext cx="190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print 2 Stand-ups (every other day)</a:t>
            </a:r>
            <a:endParaRPr lang="en-US" sz="10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6" name="OTLSHAPE_SLT_1a56b15a58fe4004a354f8a2ffd19f88_Title">
            <a:extLst>
              <a:ext uri="{FF2B5EF4-FFF2-40B4-BE49-F238E27FC236}">
                <a16:creationId xmlns:a16="http://schemas.microsoft.com/office/drawing/2014/main" id="{A1338F4B-F2DE-D8C2-E759-3CBAFACE30A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639116" y="614984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0">
                <a:solidFill>
                  <a:schemeClr val="dk1"/>
                </a:solidFill>
                <a:latin typeface="Calibri" panose="020F0502020204030204" pitchFamily="34" charset="0"/>
              </a:rPr>
              <a:t>Sprint 2 Testing</a:t>
            </a:r>
          </a:p>
        </p:txBody>
      </p:sp>
      <p:sp>
        <p:nvSpPr>
          <p:cNvPr id="441" name="OTLSHAPE_SLM_3e1900d2c635476785e9fcd7d7f1b8ee_Title">
            <a:extLst>
              <a:ext uri="{FF2B5EF4-FFF2-40B4-BE49-F238E27FC236}">
                <a16:creationId xmlns:a16="http://schemas.microsoft.com/office/drawing/2014/main" id="{5E57BB6E-FD3A-C650-3D90-C85EC310671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56665" y="4047786"/>
            <a:ext cx="214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print 1 Product demo and retrospective</a:t>
            </a:r>
            <a:endParaRPr lang="en-US" sz="10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SLM_ad07b9d97eb1471387acf275505343dd_Title">
            <a:extLst>
              <a:ext uri="{FF2B5EF4-FFF2-40B4-BE49-F238E27FC236}">
                <a16:creationId xmlns:a16="http://schemas.microsoft.com/office/drawing/2014/main" id="{951051B7-B787-A80A-C7B8-BFB08F17DD3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194935" y="5869136"/>
            <a:ext cx="214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print 2 Product demo and retrospective</a:t>
            </a:r>
            <a:endParaRPr lang="en-US" sz="1000" b="1" spc="-2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D156F12F-C5D1-35E8-AD14-FC7D3A2AB420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6676628" y="749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7" name="OTLSHAPE_SLA_31c7a1b2a7204642812d22a0ff5b1e1f_Shape">
            <a:extLst>
              <a:ext uri="{FF2B5EF4-FFF2-40B4-BE49-F238E27FC236}">
                <a16:creationId xmlns:a16="http://schemas.microsoft.com/office/drawing/2014/main" id="{E25FDF59-82D9-76BE-ED81-DE9A9178F045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5340355" y="1577425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A_7fc3da6f465a41f2a60a71bdfb5f03ad_Shape">
            <a:extLst>
              <a:ext uri="{FF2B5EF4-FFF2-40B4-BE49-F238E27FC236}">
                <a16:creationId xmlns:a16="http://schemas.microsoft.com/office/drawing/2014/main" id="{3A8A4A37-B05B-0CAE-7263-9FC5BF6E0B7D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6104023" y="1577425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3" name="OTLSHAPE_SLA_387447557b434d89aa532ee735afebd9_Shape">
            <a:extLst>
              <a:ext uri="{FF2B5EF4-FFF2-40B4-BE49-F238E27FC236}">
                <a16:creationId xmlns:a16="http://schemas.microsoft.com/office/drawing/2014/main" id="{AF6E2C83-2CFD-AD62-7A30-AC9127D2116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7173158" y="1577425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" name="OTLSHAPE_SLA_db30c17ca106499f8b10a4afbdb37ad8_Shape">
            <a:extLst>
              <a:ext uri="{FF2B5EF4-FFF2-40B4-BE49-F238E27FC236}">
                <a16:creationId xmlns:a16="http://schemas.microsoft.com/office/drawing/2014/main" id="{2E41A447-2A6C-174D-BFF5-8BF58F09A02B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8242293" y="1577425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" name="OTLSHAPE_SLA_270af987aea74389b2e38dfdd249e57c_Shape">
            <a:extLst>
              <a:ext uri="{FF2B5EF4-FFF2-40B4-BE49-F238E27FC236}">
                <a16:creationId xmlns:a16="http://schemas.microsoft.com/office/drawing/2014/main" id="{6F76010F-3233-AEB0-0D6B-D9935FEDF483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9311428" y="1577425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" name="OTLSHAPE_SLA_ad4b68de25a3488fbf69964067ea7ba9_Shape">
            <a:extLst>
              <a:ext uri="{FF2B5EF4-FFF2-40B4-BE49-F238E27FC236}">
                <a16:creationId xmlns:a16="http://schemas.microsoft.com/office/drawing/2014/main" id="{3E93DB20-C0F6-C0AD-4D0F-1865176F2725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187622" y="2176949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" name="OTLSHAPE_SLA_31f1423bcdd64e179b79bc4a51aea3ee_Shape">
            <a:extLst>
              <a:ext uri="{FF2B5EF4-FFF2-40B4-BE49-F238E27FC236}">
                <a16:creationId xmlns:a16="http://schemas.microsoft.com/office/drawing/2014/main" id="{57875221-5C48-E7AB-CD79-146E24510C97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7325892" y="2176949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" name="OTLSHAPE_SLA_d50bc002c4474c0baefb567cb11784a8_Shape">
            <a:extLst>
              <a:ext uri="{FF2B5EF4-FFF2-40B4-BE49-F238E27FC236}">
                <a16:creationId xmlns:a16="http://schemas.microsoft.com/office/drawing/2014/main" id="{6CA2F5B1-C9D5-D3F4-CF70-93DB74F0CFF8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9464161" y="2176949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solidFill>
              <a:schemeClr val="accent1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" name="OTLSHAPE_SLA_ab43b36287b4469e9fc01ef059be26f4_Shape">
            <a:extLst>
              <a:ext uri="{FF2B5EF4-FFF2-40B4-BE49-F238E27FC236}">
                <a16:creationId xmlns:a16="http://schemas.microsoft.com/office/drawing/2014/main" id="{A0537415-3A08-E3EE-CD28-E98A82D8E4C1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6256756" y="3668099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solidFill>
              <a:schemeClr val="accent2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A_e0028cfa76204269be3ae0597e199f6e_Shape">
            <a:extLst>
              <a:ext uri="{FF2B5EF4-FFF2-40B4-BE49-F238E27FC236}">
                <a16:creationId xmlns:a16="http://schemas.microsoft.com/office/drawing/2014/main" id="{F31398E5-2636-F5A8-77D9-9C30BE535D44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6562223" y="3668099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solidFill>
              <a:schemeClr val="accent2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7" name="OTLSHAPE_SLA_2df18102c35a4a849b9aebb8ed8fb99c_Shape">
            <a:extLst>
              <a:ext uri="{FF2B5EF4-FFF2-40B4-BE49-F238E27FC236}">
                <a16:creationId xmlns:a16="http://schemas.microsoft.com/office/drawing/2014/main" id="{6A060754-E762-BE60-3AC6-14C91BBBA766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7173158" y="3668099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solidFill>
              <a:schemeClr val="accent2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" name="OTLSHAPE_SLA_0ed8e46f625346658517ae50bf57ade4_Shape">
            <a:extLst>
              <a:ext uri="{FF2B5EF4-FFF2-40B4-BE49-F238E27FC236}">
                <a16:creationId xmlns:a16="http://schemas.microsoft.com/office/drawing/2014/main" id="{5E96BDC4-5B7A-E378-7BCE-9EBD16CA3624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7478625" y="3668099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solidFill>
              <a:schemeClr val="accent2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3" name="OTLSHAPE_SLA_277f14a533c0486798c446ddd7db9f18_Shape">
            <a:extLst>
              <a:ext uri="{FF2B5EF4-FFF2-40B4-BE49-F238E27FC236}">
                <a16:creationId xmlns:a16="http://schemas.microsoft.com/office/drawing/2014/main" id="{5C5AA547-C8FE-921D-E3BB-28D58FB27C07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784092" y="3668099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solidFill>
              <a:schemeClr val="accent2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6" name="OTLSHAPE_SLA_1f0a06c8dded444f822f9a78b5d591a8_Shape">
            <a:extLst>
              <a:ext uri="{FF2B5EF4-FFF2-40B4-BE49-F238E27FC236}">
                <a16:creationId xmlns:a16="http://schemas.microsoft.com/office/drawing/2014/main" id="{ADB0A6F4-E0DC-DC65-BE70-7AECCAB9BA4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8395026" y="5489448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solidFill>
              <a:schemeClr val="accent3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SLA_658dd83a6f554b12b1a79f145b5f8894_Shape">
            <a:extLst>
              <a:ext uri="{FF2B5EF4-FFF2-40B4-BE49-F238E27FC236}">
                <a16:creationId xmlns:a16="http://schemas.microsoft.com/office/drawing/2014/main" id="{CA72212F-2573-E262-66FA-5ACD81EB64E5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8700494" y="5489448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solidFill>
              <a:schemeClr val="accent3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SLA_6f41b680250847d18a6fd88ba2636f76_Shape">
            <a:extLst>
              <a:ext uri="{FF2B5EF4-FFF2-40B4-BE49-F238E27FC236}">
                <a16:creationId xmlns:a16="http://schemas.microsoft.com/office/drawing/2014/main" id="{41A5E920-89CE-BBDD-B274-2E68B2D45B0F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9311428" y="5489448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solidFill>
              <a:schemeClr val="accent3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5" name="OTLSHAPE_SLA_b7078ac5017a4cc7a96924607f370e72_Shape">
            <a:extLst>
              <a:ext uri="{FF2B5EF4-FFF2-40B4-BE49-F238E27FC236}">
                <a16:creationId xmlns:a16="http://schemas.microsoft.com/office/drawing/2014/main" id="{8E1E2EDF-F1E7-52EC-1C2A-ABB1FBE4E740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9616894" y="5489448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solidFill>
              <a:schemeClr val="accent3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8" name="OTLSHAPE_SLA_72b56b6ac5d742be8a9a1804de607865_Shape">
            <a:extLst>
              <a:ext uri="{FF2B5EF4-FFF2-40B4-BE49-F238E27FC236}">
                <a16:creationId xmlns:a16="http://schemas.microsoft.com/office/drawing/2014/main" id="{DCBF827C-1CB2-6EF0-FDB7-3181510638EE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9922362" y="5489448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solidFill>
              <a:schemeClr val="accent3">
                <a:lumMod val="20000"/>
                <a:lumOff val="8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" name="OTLSHAPE_SLA_31c7a1b2a7204642812d22a0ff5b1e1f_Title">
            <a:extLst>
              <a:ext uri="{FF2B5EF4-FFF2-40B4-BE49-F238E27FC236}">
                <a16:creationId xmlns:a16="http://schemas.microsoft.com/office/drawing/2014/main" id="{F144548D-32BD-52B6-596C-DF242CC393F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300498" y="1397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1</a:t>
            </a:r>
          </a:p>
        </p:txBody>
      </p:sp>
      <p:sp>
        <p:nvSpPr>
          <p:cNvPr id="468" name="OTLSHAPE_SLA_7fc3da6f465a41f2a60a71bdfb5f03ad_Title">
            <a:extLst>
              <a:ext uri="{FF2B5EF4-FFF2-40B4-BE49-F238E27FC236}">
                <a16:creationId xmlns:a16="http://schemas.microsoft.com/office/drawing/2014/main" id="{A2708419-9E06-C19C-C644-8D0BFBE43DD0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6064166" y="1397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2</a:t>
            </a:r>
          </a:p>
        </p:txBody>
      </p:sp>
      <p:sp>
        <p:nvSpPr>
          <p:cNvPr id="471" name="OTLSHAPE_SLA_387447557b434d89aa532ee735afebd9_Title">
            <a:extLst>
              <a:ext uri="{FF2B5EF4-FFF2-40B4-BE49-F238E27FC236}">
                <a16:creationId xmlns:a16="http://schemas.microsoft.com/office/drawing/2014/main" id="{17E82483-93CA-137A-EC98-840BF4EAA0B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133301" y="1397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3</a:t>
            </a:r>
          </a:p>
        </p:txBody>
      </p:sp>
      <p:sp>
        <p:nvSpPr>
          <p:cNvPr id="474" name="OTLSHAPE_SLA_db30c17ca106499f8b10a4afbdb37ad8_Title">
            <a:extLst>
              <a:ext uri="{FF2B5EF4-FFF2-40B4-BE49-F238E27FC236}">
                <a16:creationId xmlns:a16="http://schemas.microsoft.com/office/drawing/2014/main" id="{A9F51CF0-F0E0-2498-A05D-1E623F5E42A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202436" y="1397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4</a:t>
            </a:r>
          </a:p>
        </p:txBody>
      </p:sp>
      <p:sp>
        <p:nvSpPr>
          <p:cNvPr id="477" name="OTLSHAPE_SLA_270af987aea74389b2e38dfdd249e57c_Title">
            <a:extLst>
              <a:ext uri="{FF2B5EF4-FFF2-40B4-BE49-F238E27FC236}">
                <a16:creationId xmlns:a16="http://schemas.microsoft.com/office/drawing/2014/main" id="{1D0307B8-8F5C-7F82-BDBB-42CA12BD4E4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271571" y="1397000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5</a:t>
            </a:r>
          </a:p>
        </p:txBody>
      </p:sp>
      <p:sp>
        <p:nvSpPr>
          <p:cNvPr id="480" name="OTLSHAPE_SLA_ad4b68de25a3488fbf69964067ea7ba9_Title">
            <a:extLst>
              <a:ext uri="{FF2B5EF4-FFF2-40B4-BE49-F238E27FC236}">
                <a16:creationId xmlns:a16="http://schemas.microsoft.com/office/drawing/2014/main" id="{ED841494-D4E7-3CC7-D868-809D47230311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097621" y="199652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1</a:t>
            </a:r>
          </a:p>
        </p:txBody>
      </p:sp>
      <p:sp>
        <p:nvSpPr>
          <p:cNvPr id="483" name="OTLSHAPE_SLA_31f1423bcdd64e179b79bc4a51aea3ee_Title">
            <a:extLst>
              <a:ext uri="{FF2B5EF4-FFF2-40B4-BE49-F238E27FC236}">
                <a16:creationId xmlns:a16="http://schemas.microsoft.com/office/drawing/2014/main" id="{A10508E9-31CC-1EC4-ADD3-66689B62FE7B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235891" y="199652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2</a:t>
            </a:r>
          </a:p>
        </p:txBody>
      </p:sp>
      <p:sp>
        <p:nvSpPr>
          <p:cNvPr id="486" name="OTLSHAPE_SLA_d50bc002c4474c0baefb567cb11784a8_Title">
            <a:extLst>
              <a:ext uri="{FF2B5EF4-FFF2-40B4-BE49-F238E27FC236}">
                <a16:creationId xmlns:a16="http://schemas.microsoft.com/office/drawing/2014/main" id="{FA740B76-D191-C02E-B123-66AB25BB6298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9374160" y="199652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Sprint 3</a:t>
            </a:r>
          </a:p>
        </p:txBody>
      </p:sp>
      <p:sp>
        <p:nvSpPr>
          <p:cNvPr id="489" name="OTLSHAPE_SLA_ab43b36287b4469e9fc01ef059be26f4_Title">
            <a:extLst>
              <a:ext uri="{FF2B5EF4-FFF2-40B4-BE49-F238E27FC236}">
                <a16:creationId xmlns:a16="http://schemas.microsoft.com/office/drawing/2014/main" id="{130C7649-84D8-DECD-1677-6FE8CF0C5779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216900" y="3487674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1</a:t>
            </a:r>
          </a:p>
        </p:txBody>
      </p:sp>
      <p:sp>
        <p:nvSpPr>
          <p:cNvPr id="492" name="OTLSHAPE_SLA_e0028cfa76204269be3ae0597e199f6e_Title">
            <a:extLst>
              <a:ext uri="{FF2B5EF4-FFF2-40B4-BE49-F238E27FC236}">
                <a16:creationId xmlns:a16="http://schemas.microsoft.com/office/drawing/2014/main" id="{EFFC3837-0714-49AA-8D8D-3123357E16E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522367" y="321834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2</a:t>
            </a:r>
          </a:p>
        </p:txBody>
      </p:sp>
      <p:sp>
        <p:nvSpPr>
          <p:cNvPr id="495" name="OTLSHAPE_SLA_2df18102c35a4a849b9aebb8ed8fb99c_Title">
            <a:extLst>
              <a:ext uri="{FF2B5EF4-FFF2-40B4-BE49-F238E27FC236}">
                <a16:creationId xmlns:a16="http://schemas.microsoft.com/office/drawing/2014/main" id="{CD21168F-DC25-0FD3-68B1-40D81183960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133301" y="3487674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3</a:t>
            </a:r>
          </a:p>
        </p:txBody>
      </p:sp>
      <p:sp>
        <p:nvSpPr>
          <p:cNvPr id="498" name="OTLSHAPE_SLA_0ed8e46f625346658517ae50bf57ade4_Title">
            <a:extLst>
              <a:ext uri="{FF2B5EF4-FFF2-40B4-BE49-F238E27FC236}">
                <a16:creationId xmlns:a16="http://schemas.microsoft.com/office/drawing/2014/main" id="{F1BBE007-2E28-5AF4-C72B-70C414C7BC4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438768" y="321834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4</a:t>
            </a:r>
          </a:p>
        </p:txBody>
      </p:sp>
      <p:sp>
        <p:nvSpPr>
          <p:cNvPr id="501" name="OTLSHAPE_SLA_277f14a533c0486798c446ddd7db9f18_Title">
            <a:extLst>
              <a:ext uri="{FF2B5EF4-FFF2-40B4-BE49-F238E27FC236}">
                <a16:creationId xmlns:a16="http://schemas.microsoft.com/office/drawing/2014/main" id="{2820B1BE-9CA6-62AC-68F0-8A75BF702E81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744235" y="3487674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5</a:t>
            </a:r>
          </a:p>
        </p:txBody>
      </p:sp>
      <p:sp>
        <p:nvSpPr>
          <p:cNvPr id="504" name="OTLSHAPE_SLA_1f0a06c8dded444f822f9a78b5d591a8_Title">
            <a:extLst>
              <a:ext uri="{FF2B5EF4-FFF2-40B4-BE49-F238E27FC236}">
                <a16:creationId xmlns:a16="http://schemas.microsoft.com/office/drawing/2014/main" id="{1B5B5423-C045-4462-53FB-6F74A5113DB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8355170" y="5309023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1</a:t>
            </a:r>
          </a:p>
        </p:txBody>
      </p:sp>
      <p:sp>
        <p:nvSpPr>
          <p:cNvPr id="507" name="OTLSHAPE_SLA_658dd83a6f554b12b1a79f145b5f8894_Title">
            <a:extLst>
              <a:ext uri="{FF2B5EF4-FFF2-40B4-BE49-F238E27FC236}">
                <a16:creationId xmlns:a16="http://schemas.microsoft.com/office/drawing/2014/main" id="{533535CC-0653-969F-2640-134F4D12BD1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660636" y="503969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2</a:t>
            </a:r>
          </a:p>
        </p:txBody>
      </p:sp>
      <p:sp>
        <p:nvSpPr>
          <p:cNvPr id="510" name="OTLSHAPE_SLA_6f41b680250847d18a6fd88ba2636f76_Title">
            <a:extLst>
              <a:ext uri="{FF2B5EF4-FFF2-40B4-BE49-F238E27FC236}">
                <a16:creationId xmlns:a16="http://schemas.microsoft.com/office/drawing/2014/main" id="{C001BDAD-8F10-9EBF-A511-5BD8BD09C143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271571" y="5309023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3</a:t>
            </a:r>
          </a:p>
        </p:txBody>
      </p:sp>
      <p:sp>
        <p:nvSpPr>
          <p:cNvPr id="513" name="OTLSHAPE_SLA_b7078ac5017a4cc7a96924607f370e72_Title">
            <a:extLst>
              <a:ext uri="{FF2B5EF4-FFF2-40B4-BE49-F238E27FC236}">
                <a16:creationId xmlns:a16="http://schemas.microsoft.com/office/drawing/2014/main" id="{CF6E2C86-0096-4D34-36FA-55BBD4C34C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577038" y="5039699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4</a:t>
            </a:r>
          </a:p>
        </p:txBody>
      </p:sp>
      <p:sp>
        <p:nvSpPr>
          <p:cNvPr id="516" name="OTLSHAPE_SLA_72b56b6ac5d742be8a9a1804de607865_Title">
            <a:extLst>
              <a:ext uri="{FF2B5EF4-FFF2-40B4-BE49-F238E27FC236}">
                <a16:creationId xmlns:a16="http://schemas.microsoft.com/office/drawing/2014/main" id="{2D511D82-E98E-55D8-58A1-B71C8F47B43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882505" y="5309023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Mtg 5</a:t>
            </a:r>
          </a:p>
        </p:txBody>
      </p:sp>
      <p:pic>
        <p:nvPicPr>
          <p:cNvPr id="5" name="Picture 4" descr="A picture containing font, screenshot, graphics, text&#10;&#10;Description automatically generated">
            <a:extLst>
              <a:ext uri="{FF2B5EF4-FFF2-40B4-BE49-F238E27FC236}">
                <a16:creationId xmlns:a16="http://schemas.microsoft.com/office/drawing/2014/main" id="{8C109EF1-FDF4-C898-0A22-3B68F846EA42}"/>
              </a:ext>
            </a:extLst>
          </p:cNvPr>
          <p:cNvPicPr>
            <a:picLocks noChangeAspect="1"/>
          </p:cNvPicPr>
          <p:nvPr/>
        </p:nvPicPr>
        <p:blipFill>
          <a:blip r:embed="rId1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29651" y="5157834"/>
            <a:ext cx="2333128" cy="321429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8ECF14A0-7F20-D7E3-9985-B19DD9BB0F85}"/>
              </a:ext>
            </a:extLst>
          </p:cNvPr>
          <p:cNvSpPr txBox="1"/>
          <p:nvPr/>
        </p:nvSpPr>
        <p:spPr>
          <a:xfrm>
            <a:off x="1936833" y="76200"/>
            <a:ext cx="93218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/>
              <a:t>Scrum Sprint schedul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469032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jJjZjhkN2NkLWY4ZjQtNGRlOC04NDAxLTJlNzJhMGNlMjQyM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Y4LCJHIjoxMTQsIkIiOjE5Nn19LCJJc1Zpc2libGUiOnRydW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MyIsIlRvcCI6MC4wLCJMZWZ0IjowLjAsIlJpZ2h0IjowLjAsIkJvdHRvbSI6MC4wfSwiUGFkZGluZyI6eyIkaWQiOiI2NCIsIlRvcCI6MC4wLCJMZWZ0IjowLjAsIlJpZ2h0IjowLjAsIkJvdHRvbSI6MC4wfSwiQmFja2dyb3VuZCI6eyIkaWQiOiI2NSIsIkNvbG9yIjp7IiRpZCI6IjY2IiwiQSI6MCwiUiI6MjU1LCJHIjoyNTUsIkIiOjI1NX19LCJJc1Zpc2libGUiOmZhbHNlLCJXaWR0aCI6MC4wLCJIZWlnaHQiOjAuMCwiQm9yZGVyU3R5bGUiOnsiJGlkIjoiNjciLCJMaW5lQ29sb3IiOm51bGwsIkxpbmVXZWlnaHQiOjAuMCwiTGluZVR5cGUiOjAsIlBhcmVudFN0eWxlIjpudWxsfSwiUGFyZW50U3R5bGUiOm51bGx9LCJEYXRlRm9ybWF0Ijp7IiRpZCI6IjY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YiLCJUb3AiOjAuMCwiTGVmdCI6MC4wLCJSaWdodCI6MC4wLCJCb3R0b20iOjAuMH0sIlBhZGRpbmciOnsiJGlkIjoiMjM3IiwiVG9wIjowLjAsIkxlZnQiOjAuMCwiUmlnaHQiOjAuMCwiQm90dG9tIjowLjB9LCJCYWNrZ3JvdW5kIjp7IiRpZCI6IjIzOCIsIkNvbG9yIjp7IiRpZCI6IjIzOSIsIkEiOjg5LCJSIjowLCJHIjowLCJCIjowfX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bnVsbCwiSXNWaXNpYmxlIjp0cnVlLCJXaWR0aCI6MC4wLCJIZWlnaHQiOjAuMCwiQm9yZGVyU3R5bGUiOm51bGwsIlBhcmVudFN0eWxlIjpudWxsfSwiUmVjdGFuZ2xlU3R5bGUiOnsiJGlkIjoiMjU0IiwiTWFyZ2luIjp7IiRpZCI6IjI1NSIsIlRvcCI6MC4wLCJMZWZ0IjowLjAsIlJpZ2h0IjowLjAsIkJvdHRvbSI6MC4wfSwiUGFkZGluZyI6eyIkaWQiOiIyNTYiLCJUb3AiOjAuMCwiTGVmdCI6MC4wLCJSaWdodCI6MC4wLCJCb3R0b20iOjAuMH0sIkJhY2tncm91bmQiOnsiJGlkIjoiMjU3IiwiQ29sb3IiOnsiJGlkIjoiMjU4IiwiQSI6NjMsIlIiOjE3MywiRyI6MTMyLCJCIjoxOTh9fSwiSXNWaXNpYmxlIjp0cnVlLCJXaWR0aCI6MC4wLCJIZWlnaHQiOjA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udWxsfSwiTWFyZ2luIjp7IiRpZCI6IjI2MiIsIlRvcCI6MC4wLCJMZWZ0IjowLjAsIlJpZ2h0IjowLjAsIkJvdHRvbSI6MC4wfSwiUGFkZGluZyI6eyIkaWQiOiIyNjMiLCJUb3AiOjAuMCwiTGVmdCI6MC4wLCJSaWdodCI6MC4wLCJCb3R0b20iOjAuMH0sIkJhY2tncm91bmQiOm51bGwsIklzVmlzaWJsZSI6dHJ1ZSwiV2lkdGgiOjAuMCwiSGVpZ2h0IjowLjAsIkJvcmRlclN0eWxlIjpudWxsLCJQYXJlbnRTdHlsZSI6bnVsbH0sIkJhY2tncm91bmR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NCJ9LCJQYWRkaW5nIjp7IiRyZWYiOiI1NSJ9LCJCYWNrZ3JvdW5kIjp7IiRpZCI6IjI5MyIsIkNvbG9yIjp7IiRpZCI6IjI5NCIsIkEiOjAsIlIiOjI1NSwiRyI6MjU1LCJCIjoyNTV9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OSwiRm9udE5hbWUiOiJDYWxpYnJpIiwiSXNCb2xkIjpmYWxzZSwiSXNJdGFsaWMiOmZhbHNlLCJJc1VuZGVybGluZWQiOmZhbHNlLCJQYXJlbnRTdHlsZSI6bnVsbH0sIkF1dG9TaXplIjowLCJGb3JlZ3JvdW5kIjp7IiRpZCI6IjI5OCIsIkNvbG9yIjp7IiRpZCI6IjI5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EiLCJUb3AiOjAuMCwiTGVmdCI6MC4wLCJSaWdodCI6MC4wLCJCb3R0b20iOjAuMH0sIlBhZGRpbmciOnsiJGlkIjoiNDEyIiwiVG9wIjowLjAsIkxlZnQiOjAuMCwiUmlnaHQiOjAuMCwiQm90dG9tIjowLjB9LCJCYWNrZ3JvdW5kIjp7IiRpZCI6IjQxMyIsIkNvbG9yIjp7IiRpZCI6IjQxNCIsIkEiOjg5LCJSIjowLCJHIjowLCJCIjowfX0sIklzVmlzaWJsZSI6dHJ1ZSwiV2lkdGgiOjAuMCwiSGVpZ2h0IjowLjAsIkJvcmRlclN0eWxlIjp7IiRpZCI6IjQxNSIsIkxpbmVDb2xvciI6bnVsbCwiTGluZVdlaWdodCI6MC4wLCJMaW5lVHlwZSI6MCwiUGFyZW50U3R5bGUiOm51bGx9LCJQYXJlbnRTdHlsZSI6bnVsbH0sIkRhdGVGb3JtYXQiOnsiJGlkIjoiNDE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ODksIlIiOjAsIkciOjAsIkIiOjB9fSwiSXNWaXNpYmxlIjp0cnVlLCJXaWR0aCI6MC4wLCJIZWlnaHQiOjAuMCwiQm9yZGVyU3R5bGUiOnsiJGlkIjoiNTAzIiwiTGluZUNvbG9yIjpudWxsLCJMaW5lV2VpZ2h0IjowLjAsIkxpbmVUeXBlIjowLCJQYXJlbnRTdHlsZSI6bnVsbH0sIlBhcmVudFN0eWxlIjpudWxsfSwiRGF0ZUZvcm1hdCI6eyIkaWQiOiI1M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TciLCJUb3AiOjAuMCwiTGVmdCI6MC4wLCJSaWdodCI6MC4wLCJCb3R0b20iOjAuMH0sIlBhZGRpbmciOnsiJGlkIjoiNjE4IiwiVG9wIjowLjAsIkxlZnQiOjAuMCwiUmlnaHQiOjAuMCwiQm90dG9tIjowLjB9LCJCYWNrZ3JvdW5kIjp7IiRpZCI6IjYxOSIsIkNvbG9yIjp7IiRpZCI6IjYyMCIsIkEiOjg5LCJSIjowLCJHIjowLCJCIjowfX0sIklzVmlzaWJsZSI6dHJ1ZSwiV2lkdGgiOjAuMCwiSGVpZ2h0IjowLjAsIkJvcmRlclN0eWxlIjp7IiRpZCI6IjYyMSIsIkxpbmVDb2xvciI6bnVsbCwiTGluZVdlaWdodCI6MC4wLCJMaW5lVHlwZSI6MCwiUGFyZW50U3R5bGUiOm51bGx9LCJQYXJlbnRTdHlsZSI6bnVsbH0sIkRhdGVGb3JtYXQiOnsiJGlkIjoiNjI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TAiLCJUb3AiOjAuMCwiTGVmdCI6MC4wLCJSaWdodCI6MC4wLCJCb3R0b20iOjAuMH0sIlBhZGRpbmciOnsiJGlkIjoiODUxIiwiVG9wIjowLjAsIkxlZnQiOjAuMCwiUmlnaHQiOjAuMCwiQm90dG9tIjowLjB9LCJCYWNrZ3JvdW5kIjp7IiRpZCI6Ijg1MiIsIkNvbG9yIjp7IiRpZCI6Ijg1MyIsIkEiOjg5LCJSIjowLCJHIjowLCJCIjowfX0sIklzVmlzaWJsZSI6dHJ1ZSwiV2lkdGgiOjAuMCwiSGVpZ2h0IjowLjAsIkJvcmRlclN0eWxlIjp7IiRpZCI6Ijg1NCIsIkxpbmVDb2xvciI6bnVsbCwiTGluZVdlaWdodCI6MC4wLCJMaW5lVHlwZSI6MCwiUGFyZW50U3R5bGUiOm51bGx9LCJQYXJlbnRTdHlsZSI6bnVsbH0sIkRhdGVGb3JtYXQiOnsiJGlkIjoiODU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kwOCIsIkNvbG9yIjp7IiRpZCI6IjkwOSIsIkEiOjAsIlIiOjI1NSwiRyI6MjU1LCJCIjoyNTV9fSwiSXNWaXNpYmxlIjpmYWxzZSwiV2lkdGgiOjAuMCwiSGVpZ2h0IjowLjAsIkJvcmRlclN0eWxlIjpudWxsLCJQYXJlbnRTdHlsZSI6bnVsbH0sIkRhdGVGb3JtYXQiOnsiJHJlZiI6IjY4In0sIldlZWtOdW1iZXJpbmciOnsiJGlkIjoiOTEw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kiLCJUb3AiOjAuMCwiTGVmdCI6MC4wLCJSaWdodCI6MC4wLCJCb3R0b20iOjAuMH0sIlBhZGRpbmciOnsiJGlkIjoiOTkwIiwiVG9wIjowLjAsIkxlZnQiOjAuMCwiUmlnaHQiOjAuMCwiQm90dG9tIjowLjB9LCJCYWNrZ3JvdW5kIjp7IiRpZCI6Ijk5MSIsIkNvbG9yIjp7IiRpZCI6Ijk5MiIsIkEiOjg5LCJSIjowLCJHIjowLCJCIjowfX0sIklzVmlzaWJsZSI6dHJ1ZSwiV2lkdGgiOjAuMCwiSGVpZ2h0IjowLjAsIkJvcmRlclN0eWxlIjp7IiRpZCI6Ijk5MyIsIkxpbmVDb2xvciI6bnVsbCwiTGluZVdlaWdodCI6MC4wLCJMaW5lVHlwZSI6MCwiUGFyZW50U3R5bGUiOm51bGx9LCJQYXJlbnRTdHlsZSI6bnVsbH0sIkRhdGVGb3JtYXQiOnsiJGlkIjoiOTk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YzIn0sIlBhZGRpbmciOnsiJHJlZiI6IjY0In0sIkJhY2tncm91bmQiOnsiJGlkIjoiMTQyNyIsIkNvbG9yIjp7IiRpZCI6IjE0MjgiLCJBIjowLCJSIjoyNTUsIkciOjI1NSwiQiI6MjU1fX0sIklzVmlzaWJsZSI6ZmFsc2UsIldpZHRoIjowLjAsIkhlaWdodCI6MC4wLCJCb3JkZXJTdHlsZSI6bnVsbCwiUGFyZW50U3R5bGUiOm51bGx9LCJEYXRlRm9ybWF0Ijp7IiRyZWYiOiI2OCJ9LCJXZWVrTnVtYmVyaW5nIjp7IiRpZCI6IjE0Mjk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2MyJ9LCJQYWRkaW5nIjp7IiRyZWYiOiI2NCJ9LCJCYWNrZ3JvdW5kIjp7IiRpZCI6IjE3MzIiLCJDb2xvciI6eyIkaWQiOiIxNzMzIiwiQSI6ODksIlIiOjAsIkciOjAsIkIiOjB9fSwiSXNWaXNpYmxlIjpmYWxzZSwiV2lkdGgiOjAuMCwiSGVpZ2h0IjowLjAsIkJvcmRlclN0eWxlIjpudWxsLCJQYXJlbnRTdHlsZSI6bnVsbH0sIkRhdGVGb3JtYXQiOnsiJGlkIjoiMTc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gwIiwiVG9wIjowLjAsIkxlZnQiOjAuMCwiUmlnaHQiOjAuMCwiQm90dG9tIjowLjB9LCJQYWRkaW5nIjp7IiRpZCI6IjE3ODEiLCJUb3AiOjAuMCwiTGVmdCI6MC4wLCJSaWdodCI6MC4wLCJCb3R0b20iOjAuMH0sIkJhY2tncm91bmQiOnsiJGlkIjoiMTc4MiIsIkNvbG9yIjp7IiRpZCI6IjE3ODMiLCJBIjo4OSwiUiI6MCwiRyI6MCwiQiI6MH19LCJJc1Zpc2libGUiOnRydWUsIldpZHRoIjowLjAsIkhlaWdodCI6MC4wLCJCb3JkZXJTdHlsZSI6bnVsbCwiUGFyZW50U3R5bGUiOm51bGx9LCJEYXRlRm9ybWF0Ijp7IiRpZCI6IjE3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g1IiwiRGF0ZVBhcnRJc1Zpc2libGUiOmZhbHNlLCJUaW1lUGFydElzVmlzaWJsZSI6ZmFsc2V9fSwiV2Vla051bWJlcmluZyI6eyIkaWQiOiIxNzg2IiwiRm9ybWF0IjowLCJJc1Zpc2libGUiOmZhbHNlLCJMYXN0S25vd25WaXNpYmlsaXR5U3RhdGUiOmZhbHNlfSwiSXNWaXNpYmxlIjp0cnVlLCJQYXJlbnRTdHlsZSI6bnVsbCwiX2V4cGxpY2l0bHlTZXQiOnsiJGlkIjoiMTc4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wOSIsIlRvcCI6MC4wLCJMZWZ0IjowLjAsIlJpZ2h0IjowLjAsIkJvdHRvbSI6MC4wfSwiUGFkZGluZyI6eyIkaWQiOiIxODEwIiwiVG9wIjowLjAsIkxlZnQiOjAuMCwiUmlnaHQiOjAuMCwiQm90dG9tIjowLjB9LCJCYWNrZ3JvdW5kIjp7IiRpZCI6IjE4MTEiLCJDb2xvciI6eyIkaWQiOiIxODEyIiwiQSI6ODksIlIiOjAsIkciOjAsIkIiOjB9fSwiSXNWaXNpYmxlIjpmYWxzZSwiV2lkdGgiOjAuMCwiSGVpZ2h0IjowLjAsIkJvcmRlclN0eWxlIjpudWxsLCJQYXJlbnRTdHlsZSI6bnVsbH0sIkRhdGVGb3JtYXQiOnsiJGlkIjoiMTgx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LFwiUmFkaXVzXCI6MC4wfSxcIkNyaXRpY2FsUGF0aFN0eWxlXCI6e1wiJGlkXCI6XCIxOTVcIixcIkNyaXRpY2FsUGF0aFN0eWxlT3B0aW9uc1wiOjE1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LCJSZWNlbnRDb2xvcnNDb2xsZWN0aW9uIjoiW10iLCJVcGRhdGVTY2FsZUZvckltcG9ydGVkVGltZWxpbmUiOiJGYWxzZSJ9LCJTZXR0aW5ncyI6eyIkaWQiOiIxODY4IiwiSW1wYU9wdGlvbnMiOm51bGw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LEFTENDCAPSMARGINLEFT" val="104.411337209302"/>
  <p:tag name="OTLTIMEBANDRESERVEDLEFTAREAWIDTH" val="62.3673062015502"/>
  <p:tag name="OTLTIMEBANDRESERVEDLEFTAREAISSET" val="True"/>
  <p:tag name="OTLTIMEBANDENDDATE" val="2023-04-29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1T00:00:00.0000000"/>
  <p:tag name="OTLENDDATE" val="2023-04-18T23:59:00.0000000"/>
  <p:tag name="OTLDURATIONFORMAT" val="day"/>
  <p:tag name="OTLSPACING" val="3"/>
  <p:tag name="OTLSHAPETHICKNESSTYPE" val="Thin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2T00:00:00.0000000"/>
  <p:tag name="OTLENDDATE" val="2023-04-19T23:59:00.0000000"/>
  <p:tag name="OTLDURATIONFORMAT" val="day"/>
  <p:tag name="OTLSPACING" val="3"/>
  <p:tag name="OTLSHAPETHICKNESSTYPE" val="Thi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1T00:00:00.0000000"/>
  <p:tag name="OTLENDDATE" val="2023-04-22T23:59:00.0000000"/>
  <p:tag name="OTLDURATIONFORMAT" val="day"/>
  <p:tag name="OTLSPACING" val="3"/>
  <p:tag name="OTLSHAPETHICKNESSTYPE" val="Thi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8T00:00:00.0000000"/>
  <p:tag name="OTLENDDATE" val="2023-04-11T23:59:00.0000000"/>
  <p:tag name="OTLDURATIONFORMAT" val="day"/>
  <p:tag name="OTLSPACING" val="3"/>
  <p:tag name="OTLSHAPETHICKNESSTYPE" val="Thi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28T00:00:00.0000000"/>
  <p:tag name="OTLENDDATE" val="2023-04-11T23:59:00.0000000"/>
  <p:tag name="OTLDURATIONFORMAT" val="day"/>
  <p:tag name="OTLSPACING" val="3"/>
  <p:tag name="OTLSHAPETHICKNESSTYPE" val="Thi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2T00:00:00.0000000"/>
  <p:tag name="OTLENDDATE" val="2023-04-15T23:59:00.0000000"/>
  <p:tag name="OTLDURATIONFORMAT" val="day"/>
  <p:tag name="OTLSPACING" val="3"/>
  <p:tag name="OTLSHAPETHICKNESSTYPE" val="Thi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1T00:00:00.0000000"/>
  <p:tag name="OTLENDDATE" val="2023-04-25T23:59:00.0000000"/>
  <p:tag name="OTLDURATIONFORMAT" val="day"/>
  <p:tag name="OTLSPACING" val="3"/>
  <p:tag name="OTLSHAPETHICKNESSTYPE" val="Thin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11T00:00:00.0000000"/>
  <p:tag name="OTLENDDATE" val="2023-04-25T23:59:00.0000000"/>
  <p:tag name="OTLDURATIONFORMAT" val="day"/>
  <p:tag name="OTLSPACING" val="3"/>
  <p:tag name="OTLSHAPETHICKNESSTYPE" val="Thin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6T00:00:00.0000000"/>
  <p:tag name="OTLENDDATE" val="2023-04-29T23:59:00.0000000"/>
  <p:tag name="OTLDURATIONFORMAT" val="day"/>
  <p:tag name="OTLSPACING" val="3"/>
  <p:tag name="OTLSHAPETHICKNESSTYPE" val="Thin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4-11T23:59:00.0000000"/>
  <p:tag name="OTLPOSITIONONTASK" val="None"/>
  <p:tag name="OTLRELATEDTASKID" val="00000000-0000-0000-0000-000000000000"/>
  <p:tag name="OTLMTITLE" val="Sprint 1 Product demo and retrospectiv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4-25T23:59:00.0000000"/>
  <p:tag name="OTLPOSITIONONTASK" val="None"/>
  <p:tag name="OTLRELATEDTASKID" val="00000000-0000-0000-0000-000000000000"/>
  <p:tag name="OTLMTITLE" val="Sprint 2 Product demo and retrospectiv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1"/>
  <p:tag name="OTLDATE" val="2023-03-23T23:59:00.0000000"/>
  <p:tag name="OTLPOSITIONONTASK" val="Center"/>
  <p:tag name="OTLRELATEDTASKID" val="c8d1b953-4efc-4e45-b58a-c68317afa5af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2"/>
  <p:tag name="OTLDATE" val="2023-03-28T23:59:00.0000000"/>
  <p:tag name="OTLPOSITIONONTASK" val="Center"/>
  <p:tag name="OTLRELATEDTASKID" val="c8d1b953-4efc-4e45-b58a-c68317afa5af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3"/>
  <p:tag name="OTLDATE" val="2023-04-04T23:59:00.0000000"/>
  <p:tag name="OTLPOSITIONONTASK" val="Center"/>
  <p:tag name="OTLRELATEDTASKID" val="c8d1b953-4efc-4e45-b58a-c68317afa5af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4"/>
  <p:tag name="OTLDATE" val="2023-04-11T23:59:00.0000000"/>
  <p:tag name="OTLPOSITIONONTASK" val="Center"/>
  <p:tag name="OTLRELATEDTASKID" val="c8d1b953-4efc-4e45-b58a-c68317afa5af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5"/>
  <p:tag name="OTLDATE" val="2023-04-18T23:59:00.0000000"/>
  <p:tag name="OTLPOSITIONONTASK" val="Center"/>
  <p:tag name="OTLRELATEDTASKID" val="c8d1b953-4efc-4e45-b58a-c68317afa5af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print 1"/>
  <p:tag name="OTLDATE" val="2023-03-22T23:59:00.0000000"/>
  <p:tag name="OTLPOSITIONONTASK" val="Center"/>
  <p:tag name="OTLRELATEDTASKID" val="20f7b84e-a379-411c-aaa0-f9a03ae4ee8c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print 2"/>
  <p:tag name="OTLDATE" val="2023-04-05T23:59:00.0000000"/>
  <p:tag name="OTLPOSITIONONTASK" val="Center"/>
  <p:tag name="OTLRELATEDTASKID" val="20f7b84e-a379-411c-aaa0-f9a03ae4ee8c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print 3"/>
  <p:tag name="OTLDATE" val="2023-04-19T23:59:00.0000000"/>
  <p:tag name="OTLPOSITIONONTASK" val="Center"/>
  <p:tag name="OTLRELATEDTASKID" val="20f7b84e-a379-411c-aaa0-f9a03ae4ee8c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1"/>
  <p:tag name="OTLDATE" val="2023-03-29T23:59:00.0000000"/>
  <p:tag name="OTLPOSITIONONTASK" val="Center"/>
  <p:tag name="OTLRELATEDTASKID" val="952adb4e-d37c-4dcd-82ac-456c117773af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2"/>
  <p:tag name="OTLDATE" val="2023-03-31T23:59:00.0000000"/>
  <p:tag name="OTLPOSITIONONTASK" val="Center"/>
  <p:tag name="OTLRELATEDTASKID" val="952adb4e-d37c-4dcd-82ac-456c117773af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3"/>
  <p:tag name="OTLDATE" val="2023-04-04T23:59:00.0000000"/>
  <p:tag name="OTLPOSITIONONTASK" val="Center"/>
  <p:tag name="OTLRELATEDTASKID" val="952adb4e-d37c-4dcd-82ac-456c117773af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4"/>
  <p:tag name="OTLDATE" val="2023-04-06T23:59:00.0000000"/>
  <p:tag name="OTLPOSITIONONTASK" val="Center"/>
  <p:tag name="OTLRELATEDTASKID" val="952adb4e-d37c-4dcd-82ac-456c117773af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5"/>
  <p:tag name="OTLDATE" val="2023-04-08T23:59:00.0000000"/>
  <p:tag name="OTLPOSITIONONTASK" val="Center"/>
  <p:tag name="OTLRELATEDTASKID" val="952adb4e-d37c-4dcd-82ac-456c117773af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1"/>
  <p:tag name="OTLDATE" val="2023-04-12T23:59:00.0000000"/>
  <p:tag name="OTLPOSITIONONTASK" val="Center"/>
  <p:tag name="OTLRELATEDTASKID" val="b2903b31-5235-40a7-88cc-22c9a1424934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2"/>
  <p:tag name="OTLDATE" val="2023-04-14T23:59:00.0000000"/>
  <p:tag name="OTLPOSITIONONTASK" val="Center"/>
  <p:tag name="OTLRELATEDTASKID" val="b2903b31-5235-40a7-88cc-22c9a1424934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3"/>
  <p:tag name="OTLDATE" val="2023-04-18T23:59:00.0000000"/>
  <p:tag name="OTLPOSITIONONTASK" val="Center"/>
  <p:tag name="OTLRELATEDTASKID" val="b2903b31-5235-40a7-88cc-22c9a1424934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4"/>
  <p:tag name="OTLDATE" val="2023-04-20T23:59:00.0000000"/>
  <p:tag name="OTLPOSITIONONTASK" val="Center"/>
  <p:tag name="OTLRELATEDTASKID" val="b2903b31-5235-40a7-88cc-22c9a1424934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tg 5"/>
  <p:tag name="OTLDATE" val="2023-04-22T23:59:00.0000000"/>
  <p:tag name="OTLPOSITIONONTASK" val="Center"/>
  <p:tag name="OTLRELATEDTASKID" val="b2903b31-5235-40a7-88cc-22c9a1424934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Violet">
      <a:dk1>
        <a:sysClr val="windowText" lastClr="000000"/>
      </a:dk1>
      <a:lt1>
        <a:sysClr val="window" lastClr="FFFFFF"/>
      </a:lt1>
      <a:dk2>
        <a:srgbClr val="373545"/>
      </a:dk2>
      <a:lt2>
        <a:srgbClr val="DCD8DC"/>
      </a:lt2>
      <a:accent1>
        <a:srgbClr val="AD84C6"/>
      </a:accent1>
      <a:accent2>
        <a:srgbClr val="8784C7"/>
      </a:accent2>
      <a:accent3>
        <a:srgbClr val="5D739A"/>
      </a:accent3>
      <a:accent4>
        <a:srgbClr val="6997AF"/>
      </a:accent4>
      <a:accent5>
        <a:srgbClr val="84ACB6"/>
      </a:accent5>
      <a:accent6>
        <a:srgbClr val="6F8183"/>
      </a:accent6>
      <a:hlink>
        <a:srgbClr val="69A020"/>
      </a:hlink>
      <a:folHlink>
        <a:srgbClr val="8C8C8C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7</Words>
  <Application>Microsoft Office PowerPoint</Application>
  <PresentationFormat>Widescreen</PresentationFormat>
  <Paragraphs>5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8-01T14:21:07Z</dcterms:created>
  <dcterms:modified xsi:type="dcterms:W3CDTF">2023-08-01T14:21:16Z</dcterms:modified>
</cp:coreProperties>
</file>